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euseldemierd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9207939E-E972-824C-5BF8-88B0FEBEC32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63821" y="4830044"/>
            <a:ext cx="2025379" cy="183904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A2082D9-943D-8435-B172-8A7ADF9707B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0184" y="3769932"/>
            <a:ext cx="1744881" cy="158435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6</cp:revision>
  <dcterms:created xsi:type="dcterms:W3CDTF">2019-07-30T10:24:44Z</dcterms:created>
  <dcterms:modified xsi:type="dcterms:W3CDTF">2024-09-16T13:18:33Z</dcterms:modified>
</cp:coreProperties>
</file>